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Default Extension="jpg" ContentType="image/jpeg"/>
  <Default Extension="mp4" ContentType="video/mp4"/>
  <Default Extension="wmv" ContentType="video/x-ms-wmv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58"/>
  </p:notesMasterIdLst>
  <p:handoutMasterIdLst>
    <p:handoutMasterId r:id="rId59"/>
  </p:handoutMasterIdLst>
  <p:sldIdLst>
    <p:sldId id="520" r:id="rId2"/>
    <p:sldId id="521" r:id="rId3"/>
    <p:sldId id="462" r:id="rId4"/>
    <p:sldId id="528" r:id="rId5"/>
    <p:sldId id="484" r:id="rId6"/>
    <p:sldId id="486" r:id="rId7"/>
    <p:sldId id="452" r:id="rId8"/>
    <p:sldId id="487" r:id="rId9"/>
    <p:sldId id="489" r:id="rId10"/>
    <p:sldId id="476" r:id="rId11"/>
    <p:sldId id="490" r:id="rId12"/>
    <p:sldId id="491" r:id="rId13"/>
    <p:sldId id="492" r:id="rId14"/>
    <p:sldId id="493" r:id="rId15"/>
    <p:sldId id="385" r:id="rId16"/>
    <p:sldId id="522" r:id="rId17"/>
    <p:sldId id="523" r:id="rId18"/>
    <p:sldId id="525" r:id="rId19"/>
    <p:sldId id="526" r:id="rId20"/>
    <p:sldId id="527" r:id="rId21"/>
    <p:sldId id="509" r:id="rId22"/>
    <p:sldId id="529" r:id="rId23"/>
    <p:sldId id="510" r:id="rId24"/>
    <p:sldId id="511" r:id="rId25"/>
    <p:sldId id="512" r:id="rId26"/>
    <p:sldId id="519" r:id="rId27"/>
    <p:sldId id="494" r:id="rId28"/>
    <p:sldId id="481" r:id="rId29"/>
    <p:sldId id="472" r:id="rId30"/>
    <p:sldId id="495" r:id="rId31"/>
    <p:sldId id="496" r:id="rId32"/>
    <p:sldId id="513" r:id="rId33"/>
    <p:sldId id="514" r:id="rId34"/>
    <p:sldId id="515" r:id="rId35"/>
    <p:sldId id="518" r:id="rId36"/>
    <p:sldId id="524" r:id="rId37"/>
    <p:sldId id="507" r:id="rId38"/>
    <p:sldId id="497" r:id="rId39"/>
    <p:sldId id="498" r:id="rId40"/>
    <p:sldId id="500" r:id="rId41"/>
    <p:sldId id="501" r:id="rId42"/>
    <p:sldId id="530" r:id="rId43"/>
    <p:sldId id="499" r:id="rId44"/>
    <p:sldId id="502" r:id="rId45"/>
    <p:sldId id="517" r:id="rId46"/>
    <p:sldId id="503" r:id="rId47"/>
    <p:sldId id="505" r:id="rId48"/>
    <p:sldId id="506" r:id="rId49"/>
    <p:sldId id="470" r:id="rId50"/>
    <p:sldId id="516" r:id="rId51"/>
    <p:sldId id="488" r:id="rId52"/>
    <p:sldId id="504" r:id="rId53"/>
    <p:sldId id="468" r:id="rId54"/>
    <p:sldId id="477" r:id="rId55"/>
    <p:sldId id="478" r:id="rId56"/>
    <p:sldId id="260" r:id="rId57"/>
  </p:sldIdLst>
  <p:sldSz cx="12188825" cy="6858000"/>
  <p:notesSz cx="7010400" cy="9296400"/>
  <p:embeddedFontLst>
    <p:embeddedFont>
      <p:font typeface="Western Bang Bang" panose="02000500000000000000" pitchFamily="2" charset="0"/>
      <p:regular r:id="rId60"/>
    </p:embeddedFont>
    <p:embeddedFont>
      <p:font typeface="Calibri" panose="020F0502020204030204" pitchFamily="34" charset="0"/>
      <p:regular r:id="rId61"/>
      <p:bold r:id="rId62"/>
      <p:italic r:id="rId63"/>
      <p:boldItalic r:id="rId64"/>
    </p:embeddedFont>
    <p:embeddedFont>
      <p:font typeface="AU Passata" panose="020B0503030502030804" pitchFamily="34" charset="0"/>
      <p:regular r:id="rId65"/>
      <p:bold r:id="rId66"/>
    </p:embeddedFont>
    <p:embeddedFont>
      <p:font typeface="AU Passata Light" panose="020B0303030902030804" pitchFamily="34" charset="0"/>
      <p:regular r:id="rId67"/>
      <p:bold r:id="rId68"/>
    </p:embeddedFont>
    <p:embeddedFont>
      <p:font typeface="AU Peto" panose="040C0B07020602020301" pitchFamily="82" charset="0"/>
      <p:regular r:id="rId69"/>
      <p:bold r:id="rId70"/>
    </p:embeddedFont>
    <p:embeddedFont>
      <p:font typeface="Georgia" panose="02040502050405020303" pitchFamily="18" charset="0"/>
      <p:regular r:id="rId71"/>
      <p:bold r:id="rId72"/>
      <p:italic r:id="rId73"/>
      <p:boldItalic r:id="rId74"/>
    </p:embeddedFont>
    <p:embeddedFont>
      <p:font typeface="Wingdings 3" panose="05040102010807070707" pitchFamily="18" charset="2"/>
      <p:regular r:id="rId7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929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A2279"/>
    <a:srgbClr val="B5610A"/>
    <a:srgbClr val="000000"/>
    <a:srgbClr val="002546"/>
    <a:srgbClr val="05049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MasterView">
  <p:normalViewPr horzBarState="maximized">
    <p:restoredLeft sz="14996" autoAdjust="0"/>
    <p:restoredTop sz="93457" autoAdjust="0"/>
  </p:normalViewPr>
  <p:slideViewPr>
    <p:cSldViewPr snapToObjects="1" showGuides="1">
      <p:cViewPr varScale="1">
        <p:scale>
          <a:sx n="125" d="100"/>
          <a:sy n="125" d="100"/>
        </p:scale>
        <p:origin x="367" y="3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929"/>
        <p:guide pos="2208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63" Type="http://schemas.openxmlformats.org/officeDocument/2006/relationships/font" Target="fonts/font4.fntdata"/><Relationship Id="rId68" Type="http://schemas.openxmlformats.org/officeDocument/2006/relationships/font" Target="fonts/font9.fntdata"/><Relationship Id="rId76" Type="http://schemas.openxmlformats.org/officeDocument/2006/relationships/presProps" Target="presProps.xml"/><Relationship Id="rId7" Type="http://schemas.openxmlformats.org/officeDocument/2006/relationships/slide" Target="slides/slide6.xml"/><Relationship Id="rId71" Type="http://schemas.openxmlformats.org/officeDocument/2006/relationships/font" Target="fonts/font12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notesMaster" Target="notesMasters/notesMaster1.xml"/><Relationship Id="rId66" Type="http://schemas.openxmlformats.org/officeDocument/2006/relationships/font" Target="fonts/font7.fntdata"/><Relationship Id="rId74" Type="http://schemas.openxmlformats.org/officeDocument/2006/relationships/font" Target="fonts/font15.fntdata"/><Relationship Id="rId79" Type="http://schemas.openxmlformats.org/officeDocument/2006/relationships/tableStyles" Target="tableStyles.xml"/><Relationship Id="rId5" Type="http://schemas.openxmlformats.org/officeDocument/2006/relationships/slide" Target="slides/slide4.xml"/><Relationship Id="rId61" Type="http://schemas.openxmlformats.org/officeDocument/2006/relationships/font" Target="fonts/font2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font" Target="fonts/font1.fntdata"/><Relationship Id="rId65" Type="http://schemas.openxmlformats.org/officeDocument/2006/relationships/font" Target="fonts/font6.fntdata"/><Relationship Id="rId73" Type="http://schemas.openxmlformats.org/officeDocument/2006/relationships/font" Target="fonts/font14.fntdata"/><Relationship Id="rId78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font" Target="fonts/font5.fntdata"/><Relationship Id="rId69" Type="http://schemas.openxmlformats.org/officeDocument/2006/relationships/font" Target="fonts/font10.fntdata"/><Relationship Id="rId77" Type="http://schemas.openxmlformats.org/officeDocument/2006/relationships/viewProps" Target="viewProps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font" Target="fonts/font13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handoutMaster" Target="handoutMasters/handoutMaster1.xml"/><Relationship Id="rId67" Type="http://schemas.openxmlformats.org/officeDocument/2006/relationships/font" Target="fonts/font8.fntdata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font" Target="fonts/font3.fntdata"/><Relationship Id="rId70" Type="http://schemas.openxmlformats.org/officeDocument/2006/relationships/font" Target="fonts/font11.fntdata"/><Relationship Id="rId75" Type="http://schemas.openxmlformats.org/officeDocument/2006/relationships/font" Target="fonts/font16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407988" y="696913"/>
            <a:ext cx="6194425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1041" y="4415790"/>
            <a:ext cx="5608320" cy="41833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55161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711126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bg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4/11/2023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timing>
    <p:tnLst>
      <p:par>
        <p:cTn id="1" dur="indefinite" restart="never" nodeType="tmRoot"/>
      </p:par>
    </p:tnLst>
  </p:timing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4" Type="http://schemas.openxmlformats.org/officeDocument/2006/relationships/image" Target="../media/image2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gif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4" Type="http://schemas.openxmlformats.org/officeDocument/2006/relationships/image" Target="../media/image41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gi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4" Type="http://schemas.openxmlformats.org/officeDocument/2006/relationships/image" Target="../media/image46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Relationship Id="rId5" Type="http://schemas.openxmlformats.org/officeDocument/2006/relationships/image" Target="../media/image49.emf"/><Relationship Id="rId4" Type="http://schemas.openxmlformats.org/officeDocument/2006/relationships/image" Target="../media/image48.emf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5" Type="http://schemas.openxmlformats.org/officeDocument/2006/relationships/image" Target="../media/image52.png"/><Relationship Id="rId4" Type="http://schemas.openxmlformats.org/officeDocument/2006/relationships/image" Target="../media/image51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5" Type="http://schemas.openxmlformats.org/officeDocument/2006/relationships/image" Target="../media/image56.emf"/><Relationship Id="rId4" Type="http://schemas.openxmlformats.org/officeDocument/2006/relationships/image" Target="../media/image55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hyperlink" Target="http://www.google.dk/url?sa=i&amp;source=imgres&amp;cd=&amp;cad=rja&amp;uact=8&amp;ved=0CAkQjRwwAGoVChMI-L-EtuTFyAIVwqoeCh1GaA0j&amp;url=http://www.clipartsheep.com/red-circle-marker-png-posted-by-larry-press-clipart/dT1hSFIwY0Rvdkx6TXVZbkF1WW14dlozTndiM1F1WTI5dEx5MWZjbGs1VjNkbGNrYzJTUzlWU1dkUWMzRlNYMFk0U1M5QlFVRkJRVUZCUVZKaU1DOHhiRk5xWVZkNlJYcGZjeTl6TVRZd01DOXlaV1JqYVhKamJHVXVjRzVufHc9MjkyfGg9MjkxfHQ9cG5nfA/&amp;psig=AFQjCNEAJ8m172cZ3JBsQAr-87EDu_eHtQ&amp;ust=1445043434577908" TargetMode="Externa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6" Type="http://schemas.openxmlformats.org/officeDocument/2006/relationships/image" Target="../media/image60.png"/><Relationship Id="rId5" Type="http://schemas.openxmlformats.org/officeDocument/2006/relationships/image" Target="../media/image59.png"/><Relationship Id="rId4" Type="http://schemas.openxmlformats.org/officeDocument/2006/relationships/image" Target="../media/image58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4" Type="http://schemas.openxmlformats.org/officeDocument/2006/relationships/image" Target="../media/image62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Relationship Id="rId4" Type="http://schemas.openxmlformats.org/officeDocument/2006/relationships/image" Target="../media/image65.gif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4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video" Target="../media/media1.mp4"/><Relationship Id="rId2" Type="http://schemas.microsoft.com/office/2007/relationships/media" Target="../media/media1.mp4"/><Relationship Id="rId1" Type="http://schemas.openxmlformats.org/officeDocument/2006/relationships/tags" Target="../tags/tag35.xml"/><Relationship Id="rId5" Type="http://schemas.openxmlformats.org/officeDocument/2006/relationships/image" Target="../media/image67.png"/><Relationship Id="rId4" Type="http://schemas.openxmlformats.org/officeDocument/2006/relationships/slideLayout" Target="../slideLayouts/slideLayout5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6.xml"/><Relationship Id="rId5" Type="http://schemas.openxmlformats.org/officeDocument/2006/relationships/image" Target="../media/image70.png"/><Relationship Id="rId4" Type="http://schemas.openxmlformats.org/officeDocument/2006/relationships/image" Target="../media/image69.pn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7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8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6.png"/><Relationship Id="rId5" Type="http://schemas.openxmlformats.org/officeDocument/2006/relationships/image" Target="../media/image14.png"/><Relationship Id="rId4" Type="http://schemas.openxmlformats.org/officeDocument/2006/relationships/hyperlink" Target="http://www.google.dk/url?sa=i&amp;source=imgres&amp;cd=&amp;cad=rja&amp;uact=8&amp;ved=0CAkQjRwwAGoVChMI-L-EtuTFyAIVwqoeCh1GaA0j&amp;url=http://www.clipartsheep.com/red-circle-marker-png-posted-by-larry-press-clipart/dT1hSFIwY0Rvdkx6TXVZbkF1WW14dlozTndiM1F1WTI5dEx5MWZjbGs1VjNkbGNrYzJTUzlWU1dkUWMzRlNYMFk0U1M5QlFVRkJRVUZCUVZKaU1DOHhiRk5xWVZkNlJYcGZjeTl6TVRZd01DOXlaV1JqYVhKamJHVXVjRzVufHc9MjkyfGg9MjkxfHQ9cG5nfA/&amp;psig=AFQjCNEAJ8m172cZ3JBsQAr-87EDu_eHtQ&amp;ust=1445043434577908" TargetMode="Externa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0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1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2.xml"/><Relationship Id="rId6" Type="http://schemas.openxmlformats.org/officeDocument/2006/relationships/image" Target="../media/image79.png"/><Relationship Id="rId5" Type="http://schemas.openxmlformats.org/officeDocument/2006/relationships/image" Target="../media/image78.png"/><Relationship Id="rId4" Type="http://schemas.openxmlformats.org/officeDocument/2006/relationships/image" Target="../media/image77.pn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3.xml"/><Relationship Id="rId5" Type="http://schemas.openxmlformats.org/officeDocument/2006/relationships/image" Target="../media/image82.png"/><Relationship Id="rId4" Type="http://schemas.openxmlformats.org/officeDocument/2006/relationships/image" Target="../media/image81.pn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4.xml"/><Relationship Id="rId4" Type="http://schemas.openxmlformats.org/officeDocument/2006/relationships/image" Target="../media/image84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5.xml"/><Relationship Id="rId5" Type="http://schemas.openxmlformats.org/officeDocument/2006/relationships/image" Target="../media/image31.png"/><Relationship Id="rId4" Type="http://schemas.openxmlformats.org/officeDocument/2006/relationships/image" Target="../media/image86.png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6.xml"/></Relationships>
</file>

<file path=ppt/slides/_rels/slide47.xml.rels><?xml version="1.0" encoding="UTF-8" standalone="yes"?>
<Relationships xmlns="http://schemas.openxmlformats.org/package/2006/relationships"><Relationship Id="rId8" Type="http://schemas.openxmlformats.org/officeDocument/2006/relationships/image" Target="../media/image89.png"/><Relationship Id="rId3" Type="http://schemas.openxmlformats.org/officeDocument/2006/relationships/video" Target="../media/media2.wmv"/><Relationship Id="rId7" Type="http://schemas.openxmlformats.org/officeDocument/2006/relationships/image" Target="../media/image88.png"/><Relationship Id="rId2" Type="http://schemas.microsoft.com/office/2007/relationships/media" Target="../media/media2.wmv"/><Relationship Id="rId1" Type="http://schemas.openxmlformats.org/officeDocument/2006/relationships/tags" Target="../tags/tag47.xml"/><Relationship Id="rId6" Type="http://schemas.openxmlformats.org/officeDocument/2006/relationships/slideLayout" Target="../slideLayouts/slideLayout5.xml"/><Relationship Id="rId5" Type="http://schemas.openxmlformats.org/officeDocument/2006/relationships/video" Target="../media/media3.wmv"/><Relationship Id="rId4" Type="http://schemas.microsoft.com/office/2007/relationships/media" Target="../media/media3.wmv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48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0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9.xml"/><Relationship Id="rId5" Type="http://schemas.openxmlformats.org/officeDocument/2006/relationships/image" Target="../media/image92.emf"/><Relationship Id="rId4" Type="http://schemas.openxmlformats.org/officeDocument/2006/relationships/image" Target="../media/image91.em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0.xml"/><Relationship Id="rId4" Type="http://schemas.openxmlformats.org/officeDocument/2006/relationships/image" Target="../media/image94.png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1.xml"/><Relationship Id="rId5" Type="http://schemas.openxmlformats.org/officeDocument/2006/relationships/image" Target="../media/image97.png"/><Relationship Id="rId4" Type="http://schemas.openxmlformats.org/officeDocument/2006/relationships/image" Target="../media/image96.png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video" Target="../media/media4.mp4"/><Relationship Id="rId7" Type="http://schemas.openxmlformats.org/officeDocument/2006/relationships/image" Target="../media/image98.png"/><Relationship Id="rId2" Type="http://schemas.microsoft.com/office/2007/relationships/media" Target="../media/media4.mp4"/><Relationship Id="rId1" Type="http://schemas.openxmlformats.org/officeDocument/2006/relationships/tags" Target="../tags/tag52.xml"/><Relationship Id="rId6" Type="http://schemas.openxmlformats.org/officeDocument/2006/relationships/image" Target="../media/image97.png"/><Relationship Id="rId5" Type="http://schemas.openxmlformats.org/officeDocument/2006/relationships/image" Target="../media/image95.png"/><Relationship Id="rId4" Type="http://schemas.openxmlformats.org/officeDocument/2006/relationships/slideLayout" Target="../slideLayouts/slideLayout5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9.png"/><Relationship Id="rId7" Type="http://schemas.openxmlformats.org/officeDocument/2006/relationships/image" Target="../media/image10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3.xml"/><Relationship Id="rId6" Type="http://schemas.openxmlformats.org/officeDocument/2006/relationships/image" Target="../media/image102.png"/><Relationship Id="rId5" Type="http://schemas.openxmlformats.org/officeDocument/2006/relationships/image" Target="../media/image101.png"/><Relationship Id="rId4" Type="http://schemas.openxmlformats.org/officeDocument/2006/relationships/image" Target="../media/image100.emf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video" Target="../media/media5.mp4"/><Relationship Id="rId7" Type="http://schemas.openxmlformats.org/officeDocument/2006/relationships/image" Target="../media/image106.png"/><Relationship Id="rId2" Type="http://schemas.microsoft.com/office/2007/relationships/media" Target="../media/media5.mp4"/><Relationship Id="rId1" Type="http://schemas.openxmlformats.org/officeDocument/2006/relationships/tags" Target="../tags/tag54.xml"/><Relationship Id="rId6" Type="http://schemas.openxmlformats.org/officeDocument/2006/relationships/image" Target="../media/image105.jpeg"/><Relationship Id="rId5" Type="http://schemas.openxmlformats.org/officeDocument/2006/relationships/image" Target="../media/image104.png"/><Relationship Id="rId4" Type="http://schemas.openxmlformats.org/officeDocument/2006/relationships/slideLayout" Target="../slideLayouts/slideLayout5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5.xml"/><Relationship Id="rId4" Type="http://schemas.openxmlformats.org/officeDocument/2006/relationships/image" Target="../media/image108.png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7690185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/>
              <a:t>EXAMPLES OF ADVERSARIAL EXAMPLES</a:t>
            </a:r>
            <a:endParaRPr lang="da-DK" sz="2800" b="1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63217" y="1700808"/>
            <a:ext cx="5054575" cy="374441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54451" y="1772816"/>
            <a:ext cx="4875617" cy="374441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538898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633484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DEMO OF ADVERSARIAL EXAMPLES</a:t>
            </a:r>
            <a:endParaRPr lang="da-DK" sz="28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 b="1462"/>
          <a:stretch/>
        </p:blipFill>
        <p:spPr>
          <a:xfrm>
            <a:off x="117748" y="1619404"/>
            <a:ext cx="11904631" cy="439248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543459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633484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DEMO OF ADVERSARIAL EXAMPLES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9836" y="1556792"/>
            <a:ext cx="8383738" cy="47120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526578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DEMO OF ADVERSARIAL </a:t>
            </a:r>
            <a:r>
              <a:rPr lang="en-US" sz="2800" b="1" dirty="0"/>
              <a:t>EXAMPLES</a:t>
            </a:r>
            <a:endParaRPr lang="da-DK" sz="2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9756" y="2060848"/>
            <a:ext cx="11832391" cy="271703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932744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DEMO OF ADVERSARIAL </a:t>
            </a:r>
            <a:r>
              <a:rPr lang="en-US" sz="2800" b="1" dirty="0"/>
              <a:t>EXAMPLES</a:t>
            </a:r>
            <a:endParaRPr lang="da-DK" sz="2800" b="1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5780" y="1724197"/>
            <a:ext cx="4536504" cy="391401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63846" y="2684197"/>
            <a:ext cx="2992262" cy="31362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326660" y="2564904"/>
            <a:ext cx="2843094" cy="378030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426916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83704" y="1154580"/>
            <a:ext cx="849508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WHY ARE ADVERSARIAL EXAMPLES IMPORTANT?</a:t>
            </a:r>
            <a:endParaRPr lang="da-DK" sz="2800" b="1" dirty="0">
              <a:latin typeface="+mn-lt"/>
            </a:endParaRPr>
          </a:p>
        </p:txBody>
      </p:sp>
      <p:pic>
        <p:nvPicPr>
          <p:cNvPr id="1026" name="Picture 2" descr="https://science.sciencemag.org/content/sci/363/6433/1287/F1.large.jp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0148"/>
          <a:stretch/>
        </p:blipFill>
        <p:spPr bwMode="auto">
          <a:xfrm>
            <a:off x="2277988" y="1988840"/>
            <a:ext cx="7302625" cy="38164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 bwMode="auto">
          <a:xfrm>
            <a:off x="6886500" y="5589240"/>
            <a:ext cx="504056" cy="432048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7822604" y="6567155"/>
            <a:ext cx="383850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science.sciencemag.org/content/363/6433/1287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580475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83704" y="1154580"/>
            <a:ext cx="849508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WHY ARE ADVERSARIAL EXAMPLES IMPORTANT?</a:t>
            </a:r>
            <a:endParaRPr lang="da-DK" sz="2800" b="1" dirty="0">
              <a:latin typeface="+mn-lt"/>
            </a:endParaRPr>
          </a:p>
        </p:txBody>
      </p:sp>
      <p:pic>
        <p:nvPicPr>
          <p:cNvPr id="1026" name="Picture 2" descr="https://science.sciencemag.org/content/sci/363/6433/1287/F1.large.jp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7030" b="37920"/>
          <a:stretch/>
        </p:blipFill>
        <p:spPr bwMode="auto">
          <a:xfrm>
            <a:off x="1053852" y="2841452"/>
            <a:ext cx="10041109" cy="1584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/>
          <p:cNvSpPr/>
          <p:nvPr/>
        </p:nvSpPr>
        <p:spPr>
          <a:xfrm>
            <a:off x="7822604" y="6567155"/>
            <a:ext cx="383850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science.sciencemag.org/content/363/6433/1287</a:t>
            </a:r>
          </a:p>
        </p:txBody>
      </p:sp>
      <p:sp>
        <p:nvSpPr>
          <p:cNvPr id="7" name="Rectangle 6"/>
          <p:cNvSpPr/>
          <p:nvPr/>
        </p:nvSpPr>
        <p:spPr bwMode="auto">
          <a:xfrm>
            <a:off x="1053852" y="2841452"/>
            <a:ext cx="1656184" cy="432048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/>
          <p:cNvSpPr/>
          <p:nvPr/>
        </p:nvSpPr>
        <p:spPr bwMode="auto">
          <a:xfrm>
            <a:off x="8344662" y="2780928"/>
            <a:ext cx="1710190" cy="432048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23158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83704" y="1154580"/>
            <a:ext cx="849508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WHY ARE ADVERSARIAL EXAMPLES IMPORTANT?</a:t>
            </a:r>
            <a:endParaRPr lang="da-DK" sz="2800" b="1" dirty="0">
              <a:latin typeface="+mn-lt"/>
            </a:endParaRPr>
          </a:p>
        </p:txBody>
      </p:sp>
      <p:pic>
        <p:nvPicPr>
          <p:cNvPr id="1026" name="Picture 2" descr="https://science.sciencemag.org/content/sci/363/6433/1287/F1.large.jp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2079" b="-644"/>
          <a:stretch/>
        </p:blipFill>
        <p:spPr bwMode="auto">
          <a:xfrm>
            <a:off x="1413892" y="2060848"/>
            <a:ext cx="8905640" cy="3600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/>
          <p:cNvSpPr/>
          <p:nvPr/>
        </p:nvSpPr>
        <p:spPr>
          <a:xfrm>
            <a:off x="7822604" y="6567155"/>
            <a:ext cx="383850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science.sciencemag.org/content/363/6433/1287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108764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83704" y="1154580"/>
            <a:ext cx="849508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WHY ARE ADVERSARIAL EXAMPLES IMPORTANT?</a:t>
            </a:r>
            <a:endParaRPr lang="da-DK" sz="2800" b="1" dirty="0">
              <a:latin typeface="+mn-lt"/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7822604" y="6567155"/>
            <a:ext cx="383850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arxiv.org/pdf/1804.05296.pdf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1884" y="1886069"/>
            <a:ext cx="9117703" cy="367240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999342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83704" y="1154580"/>
            <a:ext cx="849508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WHY ARE ADVERSARIAL EXAMPLES IMPORTANT?</a:t>
            </a:r>
            <a:endParaRPr lang="da-DK" sz="2800" b="1" dirty="0">
              <a:latin typeface="+mn-lt"/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7822604" y="6567155"/>
            <a:ext cx="383850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arxiv.org/pdf/1907.10456.pdf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01924" y="1844824"/>
            <a:ext cx="8491009" cy="439330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459460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sp>
        <p:nvSpPr>
          <p:cNvPr id="8" name="Titel 1"/>
          <p:cNvSpPr txBox="1">
            <a:spLocks/>
          </p:cNvSpPr>
          <p:nvPr/>
        </p:nvSpPr>
        <p:spPr bwMode="auto">
          <a:xfrm>
            <a:off x="-482737" y="2249230"/>
            <a:ext cx="7092788" cy="6647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algn="ctr">
              <a:buFontTx/>
            </a:pPr>
            <a:r>
              <a:rPr lang="en-US" altLang="en-US" sz="4800" b="0" kern="0" spc="300" dirty="0" smtClean="0">
                <a:latin typeface="Western Bang Bang" panose="02000500000000000000" pitchFamily="2" charset="0"/>
              </a:rPr>
              <a:t>______________</a:t>
            </a:r>
          </a:p>
        </p:txBody>
      </p:sp>
      <p:sp>
        <p:nvSpPr>
          <p:cNvPr id="9" name="Titel 1"/>
          <p:cNvSpPr>
            <a:spLocks noGrp="1"/>
          </p:cNvSpPr>
          <p:nvPr>
            <p:ph type="ctrTitle"/>
          </p:nvPr>
        </p:nvSpPr>
        <p:spPr>
          <a:xfrm>
            <a:off x="327353" y="2589636"/>
            <a:ext cx="5472608" cy="3139321"/>
          </a:xfrm>
        </p:spPr>
        <p:txBody>
          <a:bodyPr/>
          <a:lstStyle/>
          <a:p>
            <a:pPr algn="ctr">
              <a:lnSpc>
                <a:spcPct val="100000"/>
              </a:lnSpc>
            </a:pPr>
            <a:r>
              <a:rPr lang="en-US" altLang="en-US" sz="4800" b="0" spc="300" dirty="0">
                <a:latin typeface="Western Bang Bang" panose="02000500000000000000" pitchFamily="2" charset="0"/>
              </a:rPr>
              <a:t>ADVERSARIAL </a:t>
            </a:r>
            <a:r>
              <a:rPr lang="en-US" altLang="en-US" sz="4800" b="0" spc="300" dirty="0" smtClean="0">
                <a:latin typeface="Western Bang Bang" panose="02000500000000000000" pitchFamily="2" charset="0"/>
              </a:rPr>
              <a:t>EXAMPLES</a:t>
            </a:r>
            <a:br>
              <a:rPr lang="en-US" altLang="en-US" sz="4800" b="0" spc="300" dirty="0" smtClean="0">
                <a:latin typeface="Western Bang Bang" panose="02000500000000000000" pitchFamily="2" charset="0"/>
              </a:rPr>
            </a:br>
            <a:r>
              <a:rPr lang="en-US" altLang="en-US" sz="2000" b="0" spc="300" dirty="0">
                <a:latin typeface="Western Bang Bang" panose="02000500000000000000" pitchFamily="2" charset="0"/>
              </a:rPr>
              <a:t/>
            </a:r>
            <a:br>
              <a:rPr lang="en-US" altLang="en-US" sz="2000" b="0" spc="300" dirty="0">
                <a:latin typeface="Western Bang Bang" panose="02000500000000000000" pitchFamily="2" charset="0"/>
              </a:rPr>
            </a:br>
            <a:r>
              <a:rPr lang="en-US" altLang="en-US" sz="2000" b="0" spc="300" dirty="0" smtClean="0">
                <a:latin typeface="Western Bang Bang" panose="02000500000000000000" pitchFamily="2" charset="0"/>
              </a:rPr>
              <a:t>against                               </a:t>
            </a:r>
            <a:r>
              <a:rPr lang="en-US" altLang="en-US" sz="4800" b="0" spc="300" dirty="0">
                <a:latin typeface="Western Bang Bang" panose="02000500000000000000" pitchFamily="2" charset="0"/>
              </a:rPr>
              <a:t/>
            </a:r>
            <a:br>
              <a:rPr lang="en-US" altLang="en-US" sz="4800" b="0" spc="300" dirty="0">
                <a:latin typeface="Western Bang Bang" panose="02000500000000000000" pitchFamily="2" charset="0"/>
              </a:rPr>
            </a:br>
            <a:r>
              <a:rPr lang="en-US" altLang="en-US" sz="2000" b="0" spc="300" dirty="0" smtClean="0">
                <a:latin typeface="Western Bang Bang" panose="02000500000000000000" pitchFamily="2" charset="0"/>
              </a:rPr>
              <a:t/>
            </a:r>
            <a:br>
              <a:rPr lang="en-US" altLang="en-US" sz="2000" b="0" spc="300" dirty="0" smtClean="0">
                <a:latin typeface="Western Bang Bang" panose="02000500000000000000" pitchFamily="2" charset="0"/>
              </a:rPr>
            </a:br>
            <a:r>
              <a:rPr lang="en-US" altLang="en-US" sz="4800" b="0" spc="300" dirty="0" smtClean="0">
                <a:latin typeface="Western Bang Bang" panose="02000500000000000000" pitchFamily="2" charset="0"/>
              </a:rPr>
              <a:t>MACHINE </a:t>
            </a:r>
            <a:r>
              <a:rPr lang="en-US" altLang="en-US" sz="4800" b="0" spc="300" dirty="0">
                <a:latin typeface="Western Bang Bang" panose="02000500000000000000" pitchFamily="2" charset="0"/>
              </a:rPr>
              <a:t>LEARNING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9124" y="2049861"/>
            <a:ext cx="5847199" cy="3600400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  <p:sp>
        <p:nvSpPr>
          <p:cNvPr id="11" name="Titel 1"/>
          <p:cNvSpPr txBox="1">
            <a:spLocks/>
          </p:cNvSpPr>
          <p:nvPr/>
        </p:nvSpPr>
        <p:spPr bwMode="auto">
          <a:xfrm>
            <a:off x="-458316" y="2149581"/>
            <a:ext cx="7092788" cy="6647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algn="ctr">
              <a:buFontTx/>
            </a:pPr>
            <a:r>
              <a:rPr lang="en-US" altLang="en-US" sz="4800" b="0" kern="0" spc="300" dirty="0" smtClean="0">
                <a:latin typeface="Western Bang Bang" panose="02000500000000000000" pitchFamily="2" charset="0"/>
              </a:rPr>
              <a:t>High Noon SHOWDOWN</a:t>
            </a:r>
          </a:p>
        </p:txBody>
      </p:sp>
      <p:sp>
        <p:nvSpPr>
          <p:cNvPr id="12" name="Titel 1"/>
          <p:cNvSpPr txBox="1">
            <a:spLocks/>
          </p:cNvSpPr>
          <p:nvPr/>
        </p:nvSpPr>
        <p:spPr bwMode="auto">
          <a:xfrm>
            <a:off x="-458316" y="5029901"/>
            <a:ext cx="7092788" cy="6647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algn="ctr">
              <a:buFontTx/>
            </a:pPr>
            <a:r>
              <a:rPr lang="en-US" altLang="en-US" sz="4800" b="0" kern="0" spc="300" dirty="0" smtClean="0">
                <a:latin typeface="Western Bang Bang" panose="02000500000000000000" pitchFamily="2" charset="0"/>
              </a:rPr>
              <a:t>______________</a:t>
            </a:r>
          </a:p>
        </p:txBody>
      </p:sp>
      <p:sp>
        <p:nvSpPr>
          <p:cNvPr id="13" name="Titel 1"/>
          <p:cNvSpPr txBox="1">
            <a:spLocks/>
          </p:cNvSpPr>
          <p:nvPr/>
        </p:nvSpPr>
        <p:spPr bwMode="auto">
          <a:xfrm>
            <a:off x="-483928" y="1556792"/>
            <a:ext cx="7092788" cy="6647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algn="ctr">
              <a:buFontTx/>
            </a:pPr>
            <a:r>
              <a:rPr lang="en-US" altLang="en-US" sz="4800" b="0" kern="0" spc="300" dirty="0" smtClean="0">
                <a:latin typeface="Western Bang Bang" panose="02000500000000000000" pitchFamily="2" charset="0"/>
              </a:rPr>
              <a:t>______________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001337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83704" y="1154580"/>
            <a:ext cx="849508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WHY ARE ADVERSARIAL EXAMPLES IMPORTANT?</a:t>
            </a:r>
            <a:endParaRPr lang="da-DK" sz="2800" b="1" dirty="0">
              <a:latin typeface="+mn-lt"/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7055482" y="6601560"/>
            <a:ext cx="4846612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debug-ml-iclr2019.github.io/cameraready/DebugML-19_paper_36.pdf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77988" y="1988840"/>
            <a:ext cx="7398560" cy="374339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39737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ADVERSARIAL EXAMPLES AS OVERFITTING</a:t>
            </a:r>
            <a:endParaRPr lang="da-DK" sz="2800" b="1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3BC008F-BC58-4192-985E-9169CF6BC8FD}"/>
              </a:ext>
            </a:extLst>
          </p:cNvPr>
          <p:cNvSpPr/>
          <p:nvPr/>
        </p:nvSpPr>
        <p:spPr>
          <a:xfrm>
            <a:off x="3934172" y="6021288"/>
            <a:ext cx="5688632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ibm.com/blogs/research/2018/05/clever-adversarial-attack/</a:t>
            </a:r>
          </a:p>
        </p:txBody>
      </p:sp>
      <p:pic>
        <p:nvPicPr>
          <p:cNvPr id="7" name="Picture 2" descr="CLEVER adversarial attack Figure 1">
            <a:extLst>
              <a:ext uri="{FF2B5EF4-FFF2-40B4-BE49-F238E27FC236}">
                <a16:creationId xmlns:a16="http://schemas.microsoft.com/office/drawing/2014/main" id="{3B3E5060-C285-4C39-B9B9-EC6314487EE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68611" y="1844824"/>
            <a:ext cx="7598209" cy="42462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 bwMode="auto">
          <a:xfrm>
            <a:off x="7102524" y="3068960"/>
            <a:ext cx="2160240" cy="64807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28695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ADVERSARIAL EXAMPLES AS OVERFITTING</a:t>
            </a:r>
            <a:endParaRPr lang="da-DK" sz="2800" b="1" dirty="0"/>
          </a:p>
        </p:txBody>
      </p:sp>
      <p:sp>
        <p:nvSpPr>
          <p:cNvPr id="4" name="Rectangle 3"/>
          <p:cNvSpPr/>
          <p:nvPr/>
        </p:nvSpPr>
        <p:spPr>
          <a:xfrm>
            <a:off x="3718148" y="5949280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kdnuggets.com/2018/10/adversarial-examples-explained.html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69876" y="1698750"/>
            <a:ext cx="9086850" cy="41529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797191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ADVERSARIAL EXAMPLES AS OVERFITTING</a:t>
            </a:r>
            <a:endParaRPr lang="da-DK" sz="2800" b="1" dirty="0"/>
          </a:p>
        </p:txBody>
      </p:sp>
      <p:sp>
        <p:nvSpPr>
          <p:cNvPr id="4" name="Rectangle 3"/>
          <p:cNvSpPr/>
          <p:nvPr/>
        </p:nvSpPr>
        <p:spPr>
          <a:xfrm>
            <a:off x="3718148" y="5949280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kdnuggets.com/2018/10/adversarial-examples-explained.html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69876" y="1698750"/>
            <a:ext cx="9086850" cy="41529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02212" y="1698750"/>
            <a:ext cx="9412680" cy="418997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73473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5900" y="1196752"/>
            <a:ext cx="4464496" cy="4464496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ADVERSARIAL EXAMPLES AS OVERFITTING</a:t>
            </a:r>
            <a:endParaRPr lang="da-DK" sz="2800" b="1" dirty="0"/>
          </a:p>
        </p:txBody>
      </p:sp>
      <p:sp>
        <p:nvSpPr>
          <p:cNvPr id="4" name="Rectangle 3"/>
          <p:cNvSpPr/>
          <p:nvPr/>
        </p:nvSpPr>
        <p:spPr>
          <a:xfrm>
            <a:off x="3718148" y="5949280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kdnuggets.com/2018/10/adversarial-examples-explained.html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23384" y="2000250"/>
            <a:ext cx="3619500" cy="28575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25860" y="5415137"/>
            <a:ext cx="8829675" cy="5238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278580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/>
          <a:srcRect l="38876" b="50473"/>
          <a:stretch/>
        </p:blipFill>
        <p:spPr>
          <a:xfrm>
            <a:off x="1014638" y="1825735"/>
            <a:ext cx="5616624" cy="4329318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ADVERSARIAL EXAMPLES AS THE CURSE OF DIMENSIONALITY</a:t>
            </a:r>
            <a:endParaRPr lang="da-DK" sz="2800" b="1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03819" y="3990394"/>
            <a:ext cx="5068094" cy="1558406"/>
          </a:xfrm>
          <a:prstGeom prst="rect">
            <a:avLst/>
          </a:prstGeom>
        </p:spPr>
      </p:pic>
      <p:cxnSp>
        <p:nvCxnSpPr>
          <p:cNvPr id="11" name="Straight Connector 10"/>
          <p:cNvCxnSpPr/>
          <p:nvPr/>
        </p:nvCxnSpPr>
        <p:spPr bwMode="auto">
          <a:xfrm>
            <a:off x="7534572" y="5548800"/>
            <a:ext cx="36004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8299187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ADVERSARIAL EXAMPLES CAN BE TRANSFERABLE</a:t>
            </a:r>
            <a:endParaRPr lang="da-DK" sz="2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38628" y="5795333"/>
            <a:ext cx="2736872" cy="6678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25860" y="1781613"/>
            <a:ext cx="7530001" cy="2917124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 bwMode="auto">
          <a:xfrm>
            <a:off x="2343228" y="4886680"/>
            <a:ext cx="1656184" cy="1250276"/>
          </a:xfrm>
          <a:prstGeom prst="rect">
            <a:avLst/>
          </a:prstGeom>
          <a:solidFill>
            <a:schemeClr val="bg1"/>
          </a:solidFill>
          <a:ln w="19050" cap="flat" cmpd="sng" algn="ctr">
            <a:solidFill>
              <a:srgbClr val="3A227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smtClean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 smtClean="0">
                <a:ln>
                  <a:noFill/>
                </a:ln>
                <a:effectLst/>
                <a:latin typeface="AU Passata" pitchFamily="34" charset="0"/>
              </a:rPr>
              <a:t>WHITE 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 smtClean="0">
                <a:ln>
                  <a:noFill/>
                </a:ln>
                <a:effectLst/>
                <a:latin typeface="AU Passata" pitchFamily="34" charset="0"/>
              </a:rPr>
              <a:t>BOX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600" dirty="0" smtClean="0"/>
              <a:t>(MODEL 1)</a:t>
            </a:r>
            <a:endParaRPr kumimoji="0" lang="da-DK" sz="1600" b="0" i="0" u="none" strike="noStrike" cap="none" normalizeH="0" baseline="0" dirty="0" err="1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0" name="Rectangle 9"/>
          <p:cNvSpPr/>
          <p:nvPr/>
        </p:nvSpPr>
        <p:spPr bwMode="auto">
          <a:xfrm>
            <a:off x="5662364" y="4897776"/>
            <a:ext cx="1656184" cy="1239180"/>
          </a:xfrm>
          <a:prstGeom prst="rect">
            <a:avLst/>
          </a:prstGeom>
          <a:solidFill>
            <a:schemeClr val="tx1"/>
          </a:solidFill>
          <a:ln w="19050" cap="flat" cmpd="sng" algn="ctr">
            <a:solidFill>
              <a:srgbClr val="B5610A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BLACK 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BOX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600" dirty="0" smtClean="0">
                <a:solidFill>
                  <a:schemeClr val="bg1"/>
                </a:solidFill>
              </a:rPr>
              <a:t>(MODEL 2)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ight Arrow 8"/>
          <p:cNvSpPr/>
          <p:nvPr/>
        </p:nvSpPr>
        <p:spPr bwMode="auto">
          <a:xfrm>
            <a:off x="4078188" y="5114904"/>
            <a:ext cx="1483341" cy="784198"/>
          </a:xfrm>
          <a:prstGeom prst="rightArrow">
            <a:avLst/>
          </a:prstGeom>
          <a:gradFill flip="none" rotWithShape="1">
            <a:gsLst>
              <a:gs pos="0">
                <a:srgbClr val="B5610A"/>
              </a:gs>
              <a:gs pos="100000">
                <a:srgbClr val="3A2279"/>
              </a:gs>
            </a:gsLst>
            <a:lin ang="10800000" scaled="1"/>
            <a:tileRect/>
          </a:gra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000" b="1" dirty="0" smtClean="0"/>
              <a:t>ADVERSARIAL EXAMPLES</a:t>
            </a:r>
            <a:endParaRPr kumimoji="0" lang="da-DK" sz="1000" b="1" i="0" u="none" strike="noStrike" cap="none" normalizeH="0" baseline="0" dirty="0" err="1">
              <a:ln>
                <a:noFill/>
              </a:ln>
              <a:effectLst/>
            </a:endParaRP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5400000">
            <a:off x="9341414" y="6224818"/>
            <a:ext cx="202739" cy="79208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700689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10" grpId="0" animBg="1"/>
      <p:bldP spid="9" grpId="0" animBg="1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DEMO OF ADVERSARIAL EXAMPLE DEFENSE</a:t>
            </a:r>
            <a:endParaRPr lang="da-DK" sz="2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9934" y="1556791"/>
            <a:ext cx="2480182" cy="469834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894612" y="1597426"/>
            <a:ext cx="2612574" cy="498798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56414" y="2503015"/>
            <a:ext cx="3007816" cy="891616"/>
          </a:xfrm>
          <a:prstGeom prst="rect">
            <a:avLst/>
          </a:prstGeom>
          <a:ln w="22225">
            <a:solidFill>
              <a:schemeClr val="accent1"/>
            </a:solidFill>
          </a:ln>
        </p:spPr>
      </p:pic>
      <p:cxnSp>
        <p:nvCxnSpPr>
          <p:cNvPr id="13" name="Straight Arrow Connector 12"/>
          <p:cNvCxnSpPr/>
          <p:nvPr/>
        </p:nvCxnSpPr>
        <p:spPr bwMode="auto">
          <a:xfrm>
            <a:off x="3430116" y="2996952"/>
            <a:ext cx="504056" cy="0"/>
          </a:xfrm>
          <a:prstGeom prst="straightConnector1">
            <a:avLst/>
          </a:prstGeom>
          <a:solidFill>
            <a:schemeClr val="accent2"/>
          </a:solidFill>
          <a:ln w="47625" cap="flat" cmpd="sng" algn="ctr">
            <a:solidFill>
              <a:srgbClr val="00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6" name="Straight Arrow Connector 15"/>
          <p:cNvCxnSpPr/>
          <p:nvPr/>
        </p:nvCxnSpPr>
        <p:spPr bwMode="auto">
          <a:xfrm>
            <a:off x="7318548" y="2996952"/>
            <a:ext cx="504056" cy="0"/>
          </a:xfrm>
          <a:prstGeom prst="straightConnector1">
            <a:avLst/>
          </a:prstGeom>
          <a:solidFill>
            <a:schemeClr val="accent2"/>
          </a:solidFill>
          <a:ln w="47625" cap="flat" cmpd="sng" algn="ctr">
            <a:solidFill>
              <a:srgbClr val="00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2306659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05980" y="2492896"/>
            <a:ext cx="7498402" cy="2087623"/>
          </a:xfrm>
          <a:prstGeom prst="rect">
            <a:avLst/>
          </a:prstGeom>
        </p:spPr>
      </p:pic>
      <p:sp>
        <p:nvSpPr>
          <p:cNvPr id="8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WELL-KNOWN ADVERSARIAL EXAMPLE DEFENSE</a:t>
            </a:r>
            <a:endParaRPr lang="da-DK" sz="28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441659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17948" y="1717949"/>
            <a:ext cx="7488832" cy="4639364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566020" y="1052736"/>
            <a:ext cx="6379306" cy="782416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5400000">
            <a:off x="9337218" y="5175264"/>
            <a:ext cx="235067" cy="250317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71903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 smtClean="0"/>
              <a:t>AdversArial</a:t>
            </a:r>
            <a:r>
              <a:rPr lang="en-GB" dirty="0" smtClean="0"/>
              <a:t> examples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640685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WHAT ARE ADVERSARIAL EXAMPLES?</a:t>
            </a:r>
            <a:endParaRPr lang="da-DK" sz="2800" b="1" dirty="0">
              <a:latin typeface="+mn-lt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58508" y="1844824"/>
            <a:ext cx="4400428" cy="335733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3" name="Picture 2" descr="http://kreslomeshok.info/images/redcircle.png">
            <a:hlinkClick r:id="rId4"/>
            <a:extLst>
              <a:ext uri="{FF2B5EF4-FFF2-40B4-BE49-F238E27FC236}">
                <a16:creationId xmlns:a16="http://schemas.microsoft.com/office/drawing/2014/main" id="{D36BAEDA-A163-4A0B-84A3-851C687A16A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88200" y="3717032"/>
            <a:ext cx="2730804" cy="11605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Box 13"/>
          <p:cNvSpPr txBox="1"/>
          <p:nvPr/>
        </p:nvSpPr>
        <p:spPr>
          <a:xfrm>
            <a:off x="1027679" y="1998015"/>
            <a:ext cx="5616624" cy="245605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 smtClean="0">
                <a:latin typeface="+mn-lt"/>
              </a:rPr>
              <a:t>Test examples that ‘break’ the system</a:t>
            </a:r>
          </a:p>
          <a:p>
            <a:pPr>
              <a:lnSpc>
                <a:spcPct val="95000"/>
              </a:lnSpc>
            </a:pPr>
            <a:endParaRPr lang="en-US" sz="2400" b="1" dirty="0" smtClean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400" b="1" dirty="0" smtClean="0">
                <a:latin typeface="+mn-lt"/>
              </a:rPr>
              <a:t>Can be: </a:t>
            </a:r>
          </a:p>
          <a:p>
            <a:pPr marL="1561887" lvl="2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400" b="1" dirty="0" smtClean="0">
                <a:latin typeface="+mn-lt"/>
              </a:rPr>
              <a:t>Malicious</a:t>
            </a:r>
          </a:p>
          <a:p>
            <a:pPr marL="1561887" lvl="2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400" b="1" dirty="0" smtClean="0">
                <a:latin typeface="+mn-lt"/>
              </a:rPr>
              <a:t>Accidental</a:t>
            </a:r>
          </a:p>
          <a:p>
            <a:pPr marL="1561887" lvl="2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n-lt"/>
              </a:rPr>
              <a:t>J</a:t>
            </a:r>
            <a:r>
              <a:rPr lang="en-US" sz="2400" b="1" dirty="0" smtClean="0">
                <a:latin typeface="+mn-lt"/>
              </a:rPr>
              <a:t>ust unusual</a:t>
            </a:r>
          </a:p>
          <a:p>
            <a:pPr>
              <a:lnSpc>
                <a:spcPct val="95000"/>
              </a:lnSpc>
            </a:pPr>
            <a:endParaRPr lang="da-DK" sz="24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57085" y="4581128"/>
            <a:ext cx="5336828" cy="140821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40384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DEMO OF </a:t>
            </a:r>
            <a:r>
              <a:rPr lang="da-DK" sz="2800" b="1" dirty="0"/>
              <a:t>ADVERSARIAL TRAINING</a:t>
            </a:r>
            <a:endParaRPr lang="en-US" sz="2800" dirty="0"/>
          </a:p>
          <a:p>
            <a:pPr>
              <a:lnSpc>
                <a:spcPct val="95000"/>
              </a:lnSpc>
            </a:pPr>
            <a:endParaRPr lang="da-DK" sz="2800" b="1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1764" y="1949606"/>
            <a:ext cx="5976663" cy="267179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764" y="2367083"/>
            <a:ext cx="7920880" cy="111152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701924" y="4077072"/>
            <a:ext cx="4867275" cy="101917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26660" y="1484784"/>
            <a:ext cx="3409249" cy="451122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095469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DEMO OF </a:t>
            </a:r>
            <a:r>
              <a:rPr lang="da-DK" sz="2800" b="1" dirty="0"/>
              <a:t>ADVERSARIAL TRAINING</a:t>
            </a:r>
            <a:endParaRPr lang="en-US" sz="2800" dirty="0"/>
          </a:p>
          <a:p>
            <a:pPr>
              <a:lnSpc>
                <a:spcPct val="95000"/>
              </a:lnSpc>
            </a:pPr>
            <a:endParaRPr lang="da-DK" sz="2800" b="1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7828" y="1700808"/>
            <a:ext cx="11200475" cy="648072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4"/>
          <a:srcRect t="55467"/>
          <a:stretch/>
        </p:blipFill>
        <p:spPr>
          <a:xfrm>
            <a:off x="4726260" y="2909806"/>
            <a:ext cx="3482804" cy="291059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4"/>
          <a:srcRect b="46561"/>
          <a:stretch/>
        </p:blipFill>
        <p:spPr>
          <a:xfrm>
            <a:off x="1053851" y="2457490"/>
            <a:ext cx="3410077" cy="34197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445662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56092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AUTOMATED </a:t>
            </a:r>
            <a:r>
              <a:rPr lang="da-DK" sz="2800" b="1" dirty="0" smtClean="0"/>
              <a:t>ADVERSARIAL </a:t>
            </a:r>
            <a:r>
              <a:rPr lang="da-DK" sz="2800" b="1" dirty="0"/>
              <a:t>TRAINING</a:t>
            </a:r>
            <a:endParaRPr lang="en-US" sz="2800" dirty="0"/>
          </a:p>
          <a:p>
            <a:pPr>
              <a:lnSpc>
                <a:spcPct val="95000"/>
              </a:lnSpc>
            </a:pPr>
            <a:endParaRPr lang="da-DK" sz="2800" b="1" dirty="0"/>
          </a:p>
        </p:txBody>
      </p:sp>
      <p:pic>
        <p:nvPicPr>
          <p:cNvPr id="1026" name="Picture 2" descr="https://cdn-images-1.medium.com/max/2000/0*pTiPKJFvgCYwVc3J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17948" y="1700808"/>
            <a:ext cx="7938592" cy="44203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Content Placeholder 4"/>
          <p:cNvSpPr txBox="1">
            <a:spLocks/>
          </p:cNvSpPr>
          <p:nvPr/>
        </p:nvSpPr>
        <p:spPr bwMode="auto">
          <a:xfrm>
            <a:off x="4078188" y="5829927"/>
            <a:ext cx="5544616" cy="56092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95000"/>
              </a:lnSpc>
            </a:pPr>
            <a:r>
              <a:rPr lang="en-US" sz="2400" b="1" kern="0" dirty="0" smtClean="0"/>
              <a:t>Generative Adversarial Networks (GAN)</a:t>
            </a:r>
            <a:endParaRPr lang="en-US" sz="2400" kern="0" dirty="0" smtClean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92228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AUTOMATED </a:t>
            </a:r>
            <a:r>
              <a:rPr lang="da-DK" sz="2800" b="1" dirty="0" smtClean="0"/>
              <a:t>ADVERSARIAL </a:t>
            </a:r>
            <a:r>
              <a:rPr lang="da-DK" sz="2800" b="1" dirty="0"/>
              <a:t>TRAINING</a:t>
            </a:r>
            <a:endParaRPr lang="en-US" sz="2800" dirty="0"/>
          </a:p>
          <a:p>
            <a:pPr>
              <a:lnSpc>
                <a:spcPct val="95000"/>
              </a:lnSpc>
            </a:pPr>
            <a:endParaRPr lang="da-DK" sz="2800" b="1" dirty="0"/>
          </a:p>
        </p:txBody>
      </p:sp>
      <p:pic>
        <p:nvPicPr>
          <p:cNvPr id="2050" name="Picture 2" descr="Image result for generative adversarial networks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5860" y="1759405"/>
            <a:ext cx="9217024" cy="40196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Content Placeholder 4"/>
          <p:cNvSpPr txBox="1">
            <a:spLocks/>
          </p:cNvSpPr>
          <p:nvPr/>
        </p:nvSpPr>
        <p:spPr bwMode="auto">
          <a:xfrm>
            <a:off x="4078188" y="5829927"/>
            <a:ext cx="5544616" cy="56092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95000"/>
              </a:lnSpc>
            </a:pPr>
            <a:r>
              <a:rPr lang="en-US" sz="2400" b="1" kern="0" dirty="0" smtClean="0"/>
              <a:t>Generative Adversarial Networks (GAN)</a:t>
            </a:r>
            <a:endParaRPr lang="en-US" sz="2400" kern="0" dirty="0" smtClean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2925" y="635559"/>
            <a:ext cx="3041915" cy="171107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762194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GENERATIVE ADVERSARIAL NETWORKS</a:t>
            </a:r>
            <a:endParaRPr lang="en-US" sz="2800" dirty="0" smtClean="0"/>
          </a:p>
          <a:p>
            <a:pPr>
              <a:lnSpc>
                <a:spcPct val="95000"/>
              </a:lnSpc>
            </a:pPr>
            <a:endParaRPr lang="da-DK" sz="2800" b="1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30116" y="1700808"/>
            <a:ext cx="5595913" cy="45567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805632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GENERATIVE ADVERSARIAL NETWORKS</a:t>
            </a:r>
            <a:endParaRPr lang="en-US" sz="2800" dirty="0" smtClean="0"/>
          </a:p>
          <a:p>
            <a:pPr>
              <a:lnSpc>
                <a:spcPct val="95000"/>
              </a:lnSpc>
            </a:pPr>
            <a:endParaRPr lang="da-DK" sz="2800" b="1" dirty="0"/>
          </a:p>
        </p:txBody>
      </p:sp>
      <p:pic>
        <p:nvPicPr>
          <p:cNvPr id="4" name="Deepfake_Gal">
            <a:hlinkClick r:id="" action="ppaction://media"/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3891474" y="2564110"/>
            <a:ext cx="4404877" cy="24490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771762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7700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</p:childTnLst>
        </p:cTn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100605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GENERATIVE ADVERSARIAL NETWORKS</a:t>
            </a:r>
            <a:endParaRPr lang="en-US" sz="2800" dirty="0" smtClean="0"/>
          </a:p>
          <a:p>
            <a:pPr>
              <a:lnSpc>
                <a:spcPct val="95000"/>
              </a:lnSpc>
            </a:pPr>
            <a:endParaRPr lang="da-DK" sz="2800" b="1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50196" y="1556792"/>
            <a:ext cx="6591076" cy="5109015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5780" y="5676143"/>
            <a:ext cx="3478243" cy="288518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5400000">
            <a:off x="728649" y="5681476"/>
            <a:ext cx="185135" cy="68821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889426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TIME-OUT?</a:t>
            </a:r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18148" y="1268760"/>
            <a:ext cx="3715336" cy="47900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765291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ATA AUGMENTA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GENERAL DATA AUGMENTATION</a:t>
            </a:r>
            <a:endParaRPr lang="da-DK" sz="2800" b="1" dirty="0"/>
          </a:p>
        </p:txBody>
      </p:sp>
      <p:pic>
        <p:nvPicPr>
          <p:cNvPr id="1026" name="Picture 2" descr="Image result for data augmentation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0680" y="1781164"/>
            <a:ext cx="11468159" cy="40325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45684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Image result for data augmentation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33972" y="764704"/>
            <a:ext cx="8096250" cy="5591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ATA AUGMENTA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GENERAL DATA AUGMENTATION</a:t>
            </a:r>
            <a:endParaRPr lang="da-DK" sz="28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680008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 smtClean="0"/>
              <a:t>AdversArial</a:t>
            </a:r>
            <a:r>
              <a:rPr lang="en-GB" dirty="0" smtClean="0"/>
              <a:t> examples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640685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WHAT ARE ADVERSARIAL EXAMPLES?</a:t>
            </a:r>
            <a:endParaRPr lang="da-DK" sz="2800" b="1" dirty="0">
              <a:latin typeface="+mn-lt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58508" y="1844824"/>
            <a:ext cx="4400428" cy="335733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3" name="Picture 2" descr="http://kreslomeshok.info/images/redcircle.png">
            <a:hlinkClick r:id="rId4"/>
            <a:extLst>
              <a:ext uri="{FF2B5EF4-FFF2-40B4-BE49-F238E27FC236}">
                <a16:creationId xmlns:a16="http://schemas.microsoft.com/office/drawing/2014/main" id="{D36BAEDA-A163-4A0B-84A3-851C687A16A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88200" y="3717032"/>
            <a:ext cx="2730804" cy="11605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Box 13"/>
          <p:cNvSpPr txBox="1"/>
          <p:nvPr/>
        </p:nvSpPr>
        <p:spPr>
          <a:xfrm>
            <a:off x="1027679" y="1998015"/>
            <a:ext cx="5616624" cy="245605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 smtClean="0">
                <a:latin typeface="+mn-lt"/>
              </a:rPr>
              <a:t>Test examples that ‘break’ the system</a:t>
            </a:r>
          </a:p>
          <a:p>
            <a:pPr>
              <a:lnSpc>
                <a:spcPct val="95000"/>
              </a:lnSpc>
            </a:pPr>
            <a:endParaRPr lang="en-US" sz="2400" b="1" dirty="0" smtClean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400" b="1" dirty="0" smtClean="0">
                <a:latin typeface="+mn-lt"/>
              </a:rPr>
              <a:t>Can be: </a:t>
            </a:r>
          </a:p>
          <a:p>
            <a:pPr marL="1561887" lvl="2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400" b="1" dirty="0" smtClean="0">
                <a:latin typeface="+mn-lt"/>
              </a:rPr>
              <a:t>Malicious</a:t>
            </a:r>
          </a:p>
          <a:p>
            <a:pPr marL="1561887" lvl="2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400" b="1" dirty="0" smtClean="0">
                <a:latin typeface="+mn-lt"/>
              </a:rPr>
              <a:t>Accidental</a:t>
            </a:r>
          </a:p>
          <a:p>
            <a:pPr marL="1561887" lvl="2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n-lt"/>
              </a:rPr>
              <a:t>J</a:t>
            </a:r>
            <a:r>
              <a:rPr lang="en-US" sz="2400" b="1" dirty="0" smtClean="0">
                <a:latin typeface="+mn-lt"/>
              </a:rPr>
              <a:t>ust unusual</a:t>
            </a:r>
          </a:p>
          <a:p>
            <a:pPr>
              <a:lnSpc>
                <a:spcPct val="95000"/>
              </a:lnSpc>
            </a:pPr>
            <a:endParaRPr lang="da-DK" sz="24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13322" y="4178434"/>
            <a:ext cx="4968552" cy="2047444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7822604" y="6567155"/>
            <a:ext cx="383850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arxiv.org/pdf/1907.07174v2.pd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418390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ATA AUGMENTA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GENERAL DATA AUGMENTATION</a:t>
            </a:r>
            <a:endParaRPr lang="da-DK" sz="2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 l="2872"/>
          <a:stretch/>
        </p:blipFill>
        <p:spPr>
          <a:xfrm>
            <a:off x="2440902" y="1628800"/>
            <a:ext cx="7306022" cy="467546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18564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ATA AUGMENTA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GENERAL DATA AUGMENTATION</a:t>
            </a:r>
            <a:endParaRPr lang="da-DK" sz="2800" b="1" dirty="0"/>
          </a:p>
        </p:txBody>
      </p:sp>
      <p:pic>
        <p:nvPicPr>
          <p:cNvPr id="5122" name="Picture 2" descr="Image result for data augmentation synthetic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702"/>
          <a:stretch/>
        </p:blipFill>
        <p:spPr bwMode="auto">
          <a:xfrm>
            <a:off x="1413892" y="1700808"/>
            <a:ext cx="9327722" cy="4522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2061964" y="6093296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://www2.compute.dtu.dk/~sohau/augmentations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85552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ATA AUGMENTA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KERAS DATA AUGMENTATION</a:t>
            </a:r>
            <a:endParaRPr lang="da-DK" sz="2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60148" y="1700808"/>
            <a:ext cx="7310528" cy="1944216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60148" y="3789040"/>
            <a:ext cx="7310528" cy="31335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69149" y="4262712"/>
            <a:ext cx="7301527" cy="1959461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671513" y="548680"/>
            <a:ext cx="3200400" cy="1314450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2998068" y="5970185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stackoverflow.com/questions/50928329/getting-x-test-y-test-from-generator-in-keras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8521161" y="3828763"/>
            <a:ext cx="36004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Augmented images generated inline</a:t>
            </a:r>
            <a:endParaRPr lang="da-DK" sz="1600" dirty="0">
              <a:latin typeface="+mn-lt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8521161" y="5008532"/>
            <a:ext cx="36004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Augmented images extracted</a:t>
            </a:r>
            <a:endParaRPr lang="da-DK" sz="1600" dirty="0">
              <a:latin typeface="+mn-lt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8521161" y="2672916"/>
            <a:ext cx="3600400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Just declarations, no augmented images generated yet</a:t>
            </a:r>
            <a:endParaRPr lang="da-DK" sz="1600" dirty="0">
              <a:latin typeface="+mn-lt"/>
            </a:endParaRPr>
          </a:p>
        </p:txBody>
      </p:sp>
      <p:cxnSp>
        <p:nvCxnSpPr>
          <p:cNvPr id="15" name="Straight Connector 14"/>
          <p:cNvCxnSpPr/>
          <p:nvPr/>
        </p:nvCxnSpPr>
        <p:spPr bwMode="auto">
          <a:xfrm>
            <a:off x="1629916" y="3953775"/>
            <a:ext cx="754368" cy="1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  <p:cxnSp>
        <p:nvCxnSpPr>
          <p:cNvPr id="17" name="Straight Connector 16"/>
          <p:cNvCxnSpPr/>
          <p:nvPr/>
        </p:nvCxnSpPr>
        <p:spPr bwMode="auto">
          <a:xfrm>
            <a:off x="3781844" y="3435416"/>
            <a:ext cx="685789" cy="1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7516646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6" name="Picture 4" descr="Image result for data augmentation underfit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720" t="6361" b="4001"/>
          <a:stretch/>
        </p:blipFill>
        <p:spPr bwMode="auto">
          <a:xfrm>
            <a:off x="223943" y="1904131"/>
            <a:ext cx="4935421" cy="2500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ATA AUGMENTA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DATA AUGMENTATION AS REGULARIZATION</a:t>
            </a:r>
            <a:endParaRPr lang="da-DK" sz="2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/>
          <a:srcRect t="4657"/>
          <a:stretch/>
        </p:blipFill>
        <p:spPr>
          <a:xfrm>
            <a:off x="4798268" y="1628800"/>
            <a:ext cx="6503651" cy="4638675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3286100" y="6606825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medium.com/@rameshkjes/overfitting-and-regularization-in-neural-networks-d3d996e33c3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05780" y="4684978"/>
            <a:ext cx="6137531" cy="127938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24323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ATA AUGMENTA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DATA AUGMENTATION TRADE-OFF?</a:t>
            </a:r>
            <a:endParaRPr lang="da-DK" sz="2800" b="1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02324" y="4540733"/>
            <a:ext cx="6358133" cy="1444551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812" y="1772816"/>
            <a:ext cx="4536504" cy="453650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095897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ATA AUGMENTA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DATA AUGMENTATION TRADE-OFF?</a:t>
            </a:r>
            <a:endParaRPr lang="da-DK" sz="2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7788" y="4509120"/>
            <a:ext cx="11268075" cy="16002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7788" y="1714500"/>
            <a:ext cx="8334375" cy="11430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5"/>
          <a:srcRect l="35399" t="29152" r="34782" b="54946"/>
          <a:stretch/>
        </p:blipFill>
        <p:spPr>
          <a:xfrm>
            <a:off x="2638028" y="3212976"/>
            <a:ext cx="6468719" cy="792088"/>
          </a:xfrm>
          <a:prstGeom prst="rect">
            <a:avLst/>
          </a:prstGeom>
        </p:spPr>
      </p:pic>
      <p:cxnSp>
        <p:nvCxnSpPr>
          <p:cNvPr id="10" name="Straight Connector 9"/>
          <p:cNvCxnSpPr/>
          <p:nvPr/>
        </p:nvCxnSpPr>
        <p:spPr bwMode="auto">
          <a:xfrm>
            <a:off x="693812" y="5949280"/>
            <a:ext cx="9865096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757862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146" name="Picture 2" descr="Related imag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28256" y="1211179"/>
            <a:ext cx="5786636" cy="50936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GB" dirty="0" smtClean="0"/>
              <a:t>DATA AUGMENTA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MEDICAL DATA AUGMENTATION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What is realistic data?</a:t>
            </a:r>
          </a:p>
          <a:p>
            <a:pPr>
              <a:lnSpc>
                <a:spcPct val="95000"/>
              </a:lnSpc>
            </a:pPr>
            <a:r>
              <a:rPr lang="en-US" sz="2800" b="1" dirty="0" smtClean="0"/>
              <a:t>Is it even known?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What are the risks?</a:t>
            </a:r>
            <a:endParaRPr lang="da-DK" sz="2800" b="1" dirty="0"/>
          </a:p>
        </p:txBody>
      </p:sp>
      <p:sp>
        <p:nvSpPr>
          <p:cNvPr id="4" name="Rectangle 3"/>
          <p:cNvSpPr/>
          <p:nvPr/>
        </p:nvSpPr>
        <p:spPr>
          <a:xfrm>
            <a:off x="3070076" y="6611779"/>
            <a:ext cx="9118749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semanticscholar.org/paper/GAN-based-synthetic-brain-MR-image-generation-Hayashi-Rundo/3f95b6ff3fda46db7fae313f5412759b86da034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4172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GB" dirty="0" smtClean="0"/>
              <a:t>DATA AUGMENTA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704942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THE INVERSE CRIME</a:t>
            </a:r>
            <a:endParaRPr lang="en-US" sz="2800" b="1" dirty="0"/>
          </a:p>
        </p:txBody>
      </p:sp>
      <p:pic>
        <p:nvPicPr>
          <p:cNvPr id="13" name="simulationstep_forward">
            <a:hlinkClick r:id="" action="ppaction://media"/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797000" y="1939537"/>
            <a:ext cx="4896544" cy="3672408"/>
          </a:xfrm>
          <a:prstGeom prst="rect">
            <a:avLst/>
          </a:prstGeom>
        </p:spPr>
      </p:pic>
      <p:pic>
        <p:nvPicPr>
          <p:cNvPr id="14" name="stimulationstep_backward_inverse">
            <a:hlinkClick r:id="" action="ppaction://media"/>
          </p:cNvPr>
          <p:cNvPicPr>
            <a:picLocks noChangeAspect="1"/>
          </p:cNvPicPr>
          <p:nvPr>
            <a:videoFile r:link="rId5"/>
            <p:extLst>
              <p:ext uri="{DAA4B4D4-6D71-4841-9C94-3DE7FCFB9230}">
                <p14:media xmlns:p14="http://schemas.microsoft.com/office/powerpoint/2010/main" r:embed="rId4"/>
              </p:ext>
            </p:extLst>
          </p:nvPr>
        </p:nvPicPr>
        <p:blipFill>
          <a:blip r:embed="rId8"/>
          <a:stretch>
            <a:fillRect/>
          </a:stretch>
        </p:blipFill>
        <p:spPr>
          <a:xfrm>
            <a:off x="6274432" y="1939537"/>
            <a:ext cx="4896544" cy="3672408"/>
          </a:xfrm>
          <a:prstGeom prst="rect">
            <a:avLst/>
          </a:prstGeom>
        </p:spPr>
      </p:pic>
      <p:sp>
        <p:nvSpPr>
          <p:cNvPr id="17" name="TextBox 16"/>
          <p:cNvSpPr txBox="1"/>
          <p:nvPr/>
        </p:nvSpPr>
        <p:spPr>
          <a:xfrm>
            <a:off x="1269876" y="5611945"/>
            <a:ext cx="4270570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forward source simulation</a:t>
            </a:r>
            <a:endParaRPr lang="da-DK" sz="2800" b="1" dirty="0">
              <a:latin typeface="+mn-lt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6207108" y="5611945"/>
            <a:ext cx="5112568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backward source reconstruction</a:t>
            </a:r>
            <a:endParaRPr lang="da-DK" sz="28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733842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0794" fill="hold"/>
                                        <p:tgtEl>
                                          <p:spTgt spid="1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10" dur="5205" fill="hold"/>
                                        <p:tgtEl>
                                          <p:spTgt spid="1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11" fill="hold" display="0">
                  <p:stCondLst>
                    <p:cond delay="indefinite"/>
                  </p:stCondLst>
                </p:cTn>
                <p:tgtEl>
                  <p:spTgt spid="13"/>
                </p:tgtEl>
              </p:cMediaNode>
            </p:video>
            <p:video>
              <p:cMediaNode vol="80000">
                <p:cTn id="12" fill="hold" display="0">
                  <p:stCondLst>
                    <p:cond delay="indefinite"/>
                  </p:stCondLst>
                </p:cTn>
                <p:tgtEl>
                  <p:spTgt spid="14"/>
                </p:tgtEl>
              </p:cMediaNode>
            </p:video>
          </p:childTnLst>
        </p:cTn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GB" dirty="0" smtClean="0"/>
              <a:t>DATA AUGMENTA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704942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THE INVERSE CRIME IN DATA AUGMENTATION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</p:txBody>
      </p:sp>
      <p:sp>
        <p:nvSpPr>
          <p:cNvPr id="2" name="Rectangle 1"/>
          <p:cNvSpPr/>
          <p:nvPr/>
        </p:nvSpPr>
        <p:spPr bwMode="auto">
          <a:xfrm>
            <a:off x="1989956" y="2492896"/>
            <a:ext cx="2088232" cy="1152128"/>
          </a:xfrm>
          <a:prstGeom prst="rect">
            <a:avLst/>
          </a:prstGeom>
          <a:solidFill>
            <a:srgbClr val="002546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2400" b="1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4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ODEL</a:t>
            </a:r>
            <a:endParaRPr kumimoji="0" lang="da-DK" sz="2400" b="1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ctangle 6"/>
          <p:cNvSpPr/>
          <p:nvPr/>
        </p:nvSpPr>
        <p:spPr bwMode="auto">
          <a:xfrm>
            <a:off x="4798268" y="2492896"/>
            <a:ext cx="2088232" cy="1152128"/>
          </a:xfrm>
          <a:prstGeom prst="rect">
            <a:avLst/>
          </a:prstGeom>
          <a:solidFill>
            <a:srgbClr val="002546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200" b="1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4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YNTHETIC </a:t>
            </a:r>
            <a:br>
              <a:rPr kumimoji="0" lang="en-US" sz="24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</a:br>
            <a:r>
              <a:rPr kumimoji="0" lang="en-US" sz="24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ATA</a:t>
            </a:r>
            <a:endParaRPr kumimoji="0" lang="da-DK" sz="2400" b="1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ight Arrow 5"/>
          <p:cNvSpPr/>
          <p:nvPr/>
        </p:nvSpPr>
        <p:spPr bwMode="auto">
          <a:xfrm>
            <a:off x="4078188" y="2924944"/>
            <a:ext cx="720080" cy="288032"/>
          </a:xfrm>
          <a:prstGeom prst="rightArrow">
            <a:avLst/>
          </a:prstGeom>
          <a:solidFill>
            <a:srgbClr val="002546"/>
          </a:solidFill>
          <a:ln w="1778" cap="flat" cmpd="sng" algn="ctr">
            <a:solidFill>
              <a:srgbClr val="002546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 8"/>
          <p:cNvSpPr/>
          <p:nvPr/>
        </p:nvSpPr>
        <p:spPr bwMode="auto">
          <a:xfrm>
            <a:off x="7606580" y="2492896"/>
            <a:ext cx="2088232" cy="1152128"/>
          </a:xfrm>
          <a:prstGeom prst="rect">
            <a:avLst/>
          </a:prstGeom>
          <a:solidFill>
            <a:srgbClr val="002546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200" b="1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4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ACHINE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2400" b="1" dirty="0" smtClean="0">
                <a:solidFill>
                  <a:schemeClr val="bg1"/>
                </a:solidFill>
              </a:rPr>
              <a:t>LEARNING</a:t>
            </a:r>
            <a:endParaRPr kumimoji="0" lang="da-DK" sz="2400" b="1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ight Arrow 9"/>
          <p:cNvSpPr/>
          <p:nvPr/>
        </p:nvSpPr>
        <p:spPr bwMode="auto">
          <a:xfrm>
            <a:off x="6886500" y="2924944"/>
            <a:ext cx="720080" cy="288032"/>
          </a:xfrm>
          <a:prstGeom prst="rightArrow">
            <a:avLst/>
          </a:prstGeom>
          <a:solidFill>
            <a:srgbClr val="002546"/>
          </a:solidFill>
          <a:ln w="1778" cap="flat" cmpd="sng" algn="ctr">
            <a:solidFill>
              <a:srgbClr val="002546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Curved Down Arrow 7"/>
          <p:cNvSpPr/>
          <p:nvPr/>
        </p:nvSpPr>
        <p:spPr bwMode="auto">
          <a:xfrm rot="10800000">
            <a:off x="2782044" y="3638655"/>
            <a:ext cx="5976664" cy="775133"/>
          </a:xfrm>
          <a:prstGeom prst="curvedDownArrow">
            <a:avLst/>
          </a:prstGeom>
          <a:solidFill>
            <a:srgbClr val="002546"/>
          </a:solidFill>
          <a:ln w="1778" cap="flat" cmpd="sng" algn="ctr">
            <a:solidFill>
              <a:srgbClr val="002546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1989956" y="4509120"/>
            <a:ext cx="806489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Are we just learning the model we already have?</a:t>
            </a:r>
            <a:endParaRPr lang="da-DK" sz="28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11018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12" grpId="0"/>
    </p:bld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/>
          <a:srcRect l="15536" t="3371" r="20539" b="26462"/>
          <a:stretch/>
        </p:blipFill>
        <p:spPr>
          <a:xfrm>
            <a:off x="953128" y="2139952"/>
            <a:ext cx="4712654" cy="4203214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/>
          <a:srcRect b="28974"/>
          <a:stretch/>
        </p:blipFill>
        <p:spPr>
          <a:xfrm>
            <a:off x="909836" y="1603310"/>
            <a:ext cx="5384341" cy="52954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878388" y="2073088"/>
            <a:ext cx="5135171" cy="3096344"/>
          </a:xfrm>
          <a:prstGeom prst="rect">
            <a:avLst/>
          </a:prstGeom>
        </p:spPr>
      </p:pic>
      <p:sp>
        <p:nvSpPr>
          <p:cNvPr id="9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63428"/>
          </a:xfrm>
        </p:spPr>
        <p:txBody>
          <a:bodyPr/>
          <a:lstStyle/>
          <a:p>
            <a:r>
              <a:rPr lang="da-DK" sz="2800" b="1" dirty="0"/>
              <a:t>ADVERSARIAL </a:t>
            </a:r>
            <a:r>
              <a:rPr lang="da-DK" sz="2800" b="1" dirty="0" err="1" smtClean="0"/>
              <a:t>ADVERSARIAL</a:t>
            </a:r>
            <a:r>
              <a:rPr lang="da-DK" sz="2800" b="1" dirty="0" smtClean="0"/>
              <a:t> TRAINING</a:t>
            </a:r>
            <a:endParaRPr lang="da-DK" sz="2800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3"/>
          <a:srcRect l="2391" t="73367" r="6785" b="5871"/>
          <a:stretch/>
        </p:blipFill>
        <p:spPr>
          <a:xfrm>
            <a:off x="5518348" y="5301208"/>
            <a:ext cx="5472608" cy="10164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081817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6910908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EXAMPLES OF ADVERSARIAL EXAMPLES</a:t>
            </a:r>
            <a:endParaRPr lang="da-DK" sz="28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09283" y="1628800"/>
            <a:ext cx="4821381" cy="46679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396960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8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r>
              <a:rPr lang="da-DK" sz="2800" b="1" dirty="0"/>
              <a:t>ADVERSARIAL ADVERSARIAL </a:t>
            </a:r>
            <a:r>
              <a:rPr lang="da-DK" sz="2800" b="1" dirty="0" smtClean="0"/>
              <a:t>TRAINING</a:t>
            </a:r>
            <a:endParaRPr lang="en-US" sz="2800" b="1" dirty="0" smtClean="0"/>
          </a:p>
          <a:p>
            <a:endParaRPr lang="en-US" sz="2800" dirty="0"/>
          </a:p>
          <a:p>
            <a:endParaRPr lang="da-DK" sz="2800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77997" y="1988840"/>
            <a:ext cx="9073002" cy="122413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3645024"/>
            <a:ext cx="8924925" cy="17430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003394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8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r>
              <a:rPr lang="da-DK" sz="2800" b="1" dirty="0" smtClean="0"/>
              <a:t>ADVERSARIAL TASKS</a:t>
            </a:r>
            <a:endParaRPr lang="en-US" sz="2800" b="1" dirty="0" smtClean="0"/>
          </a:p>
          <a:p>
            <a:endParaRPr lang="en-US" sz="2800" dirty="0"/>
          </a:p>
          <a:p>
            <a:endParaRPr lang="da-DK" sz="2800" dirty="0"/>
          </a:p>
        </p:txBody>
      </p:sp>
      <p:pic>
        <p:nvPicPr>
          <p:cNvPr id="15" name="Content Placeholder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765821" y="1824196"/>
            <a:ext cx="4464496" cy="13887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18348" y="1052736"/>
            <a:ext cx="5319524" cy="5112568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53852" y="3446138"/>
            <a:ext cx="3744416" cy="243113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076455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8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r>
              <a:rPr lang="da-DK" sz="2800" b="1" dirty="0" smtClean="0"/>
              <a:t>ADVERSARIAL TASKS</a:t>
            </a:r>
            <a:endParaRPr lang="en-US" sz="2800" b="1" dirty="0" smtClean="0"/>
          </a:p>
          <a:p>
            <a:endParaRPr lang="en-US" sz="2800" dirty="0"/>
          </a:p>
          <a:p>
            <a:endParaRPr lang="da-DK" sz="2800" dirty="0"/>
          </a:p>
        </p:txBody>
      </p:sp>
      <p:pic>
        <p:nvPicPr>
          <p:cNvPr id="15" name="Content Placeholder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 bwMode="auto">
          <a:xfrm>
            <a:off x="765821" y="1697317"/>
            <a:ext cx="4464496" cy="13887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53852" y="3446138"/>
            <a:ext cx="3744416" cy="2431134"/>
          </a:xfrm>
          <a:prstGeom prst="rect">
            <a:avLst/>
          </a:prstGeom>
        </p:spPr>
      </p:pic>
      <p:pic>
        <p:nvPicPr>
          <p:cNvPr id="2" name="CoastRunners 7">
            <a:hlinkClick r:id="" action="ppaction://media"/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5686385" y="1954083"/>
            <a:ext cx="5112569" cy="385114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636675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56818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5780" y="3003425"/>
            <a:ext cx="6551721" cy="3088121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/>
          <a:srcRect b="29027"/>
          <a:stretch/>
        </p:blipFill>
        <p:spPr>
          <a:xfrm>
            <a:off x="1053852" y="1613310"/>
            <a:ext cx="4973458" cy="1376671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461538" y="3501008"/>
            <a:ext cx="3632646" cy="44434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894612" y="4042399"/>
            <a:ext cx="3096344" cy="1940771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305753" y="3886085"/>
            <a:ext cx="1944216" cy="158592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983704" y="1154580"/>
            <a:ext cx="813504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PHYSICAL EXAMPLES OF ADVERSARIAL EXAMPLES</a:t>
            </a:r>
            <a:endParaRPr lang="da-DK" sz="28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007257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PHYSICAL EXAMPLES </a:t>
            </a:r>
            <a:r>
              <a:rPr lang="en-US" sz="2800" b="1" dirty="0"/>
              <a:t>OF ADVERSARIAL EXAMPLES</a:t>
            </a:r>
            <a:endParaRPr lang="da-DK" sz="2800" b="1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33772" y="1916832"/>
            <a:ext cx="5783822" cy="960248"/>
          </a:xfrm>
          <a:prstGeom prst="rect">
            <a:avLst/>
          </a:prstGeom>
        </p:spPr>
      </p:pic>
      <p:pic>
        <p:nvPicPr>
          <p:cNvPr id="1026" name="Picture 2" descr="Image result for adversarial turtle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6075" y="2961399"/>
            <a:ext cx="5550169" cy="25435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7066039" y="5619584"/>
            <a:ext cx="376649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s://www.youtube.com/watch?v=XaQu7kkQBPc</a:t>
            </a:r>
          </a:p>
        </p:txBody>
      </p:sp>
      <p:pic>
        <p:nvPicPr>
          <p:cNvPr id="6" name="Fooling Neural Networks in the Physical World with 3D Adversarial Objects">
            <a:hlinkClick r:id="" action="ppaction://media"/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6520131" y="2564904"/>
            <a:ext cx="4876800" cy="2743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114903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34853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</p:childTnLst>
        </p:cTn>
      </p:par>
    </p:tnLst>
  </p:timing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WANNA TRY ON YOUR SMARTPHONE?</a:t>
            </a:r>
            <a:endParaRPr lang="da-DK" sz="2800" b="1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8744" y="1628800"/>
            <a:ext cx="8119924" cy="4567457"/>
          </a:xfrm>
          <a:prstGeom prst="rect">
            <a:avLst/>
          </a:prstGeom>
        </p:spPr>
      </p:pic>
      <p:sp>
        <p:nvSpPr>
          <p:cNvPr id="9" name="Content Placeholder 4"/>
          <p:cNvSpPr txBox="1">
            <a:spLocks/>
          </p:cNvSpPr>
          <p:nvPr/>
        </p:nvSpPr>
        <p:spPr bwMode="auto">
          <a:xfrm>
            <a:off x="8638445" y="4717286"/>
            <a:ext cx="3463951" cy="7534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smtClean="0"/>
              <a:t>OBS: Google Lens can’t recognize rifles..</a:t>
            </a:r>
            <a:endParaRPr lang="da-DK" kern="0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14692" y="1628801"/>
            <a:ext cx="3214317" cy="30621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63695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698291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EXAMPLES OF ADVERSARIAL EXAMPLES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2348" y="1707353"/>
            <a:ext cx="8523130" cy="44644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85290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/>
          <a:srcRect l="8927" r="12959" b="18810"/>
          <a:stretch/>
        </p:blipFill>
        <p:spPr>
          <a:xfrm>
            <a:off x="7825779" y="980728"/>
            <a:ext cx="3168351" cy="5793556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/>
              <a:t>EXAMPLES OF ADVERSARIAL EXAMPLES</a:t>
            </a:r>
            <a:endParaRPr lang="da-DK" sz="2800" b="1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4" y="1670148"/>
            <a:ext cx="6048672" cy="54006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5400000">
            <a:off x="6864211" y="1821569"/>
            <a:ext cx="195274" cy="713400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/>
          <a:srcRect t="82459" b="955"/>
          <a:stretch/>
        </p:blipFill>
        <p:spPr>
          <a:xfrm>
            <a:off x="5225066" y="5589240"/>
            <a:ext cx="2600713" cy="758894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6"/>
          <a:srcRect l="9251" r="9883" b="20244"/>
          <a:stretch/>
        </p:blipFill>
        <p:spPr>
          <a:xfrm>
            <a:off x="1521175" y="2080632"/>
            <a:ext cx="3569116" cy="424146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98950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/>
              <a:t>EXAMPLES OF ADVERSARIAL EXAMPLES</a:t>
            </a:r>
            <a:endParaRPr lang="da-DK" sz="2800" b="1" dirty="0"/>
          </a:p>
        </p:txBody>
      </p:sp>
      <p:pic>
        <p:nvPicPr>
          <p:cNvPr id="12" name="Picture 2" descr="imag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5838" y="1772816"/>
            <a:ext cx="10181592" cy="41044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381633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dversArial</a:t>
            </a:r>
            <a:r>
              <a:rPr lang="en-GB" dirty="0"/>
              <a:t> examp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39882"/>
            <a:ext cx="10220325" cy="452136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US" sz="2800" b="1" dirty="0"/>
              <a:t>EXAMPLES OF ADVERSARIAL EXAMPLES</a:t>
            </a:r>
            <a:endParaRPr lang="da-DK" sz="2800" b="1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34372" y="1700808"/>
            <a:ext cx="4763607" cy="36004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30243" y="5480735"/>
            <a:ext cx="4967736" cy="68405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358756" y="2132856"/>
            <a:ext cx="3036885" cy="30243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621376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5.8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27.4|40.2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27.4|40.2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27.4|40.2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6.2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10</Words>
  <Application>Microsoft Office PowerPoint</Application>
  <PresentationFormat>Custom</PresentationFormat>
  <Paragraphs>172</Paragraphs>
  <Slides>56</Slides>
  <Notes>3</Notes>
  <HiddenSlides>7</HiddenSlides>
  <MMClips>5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6</vt:i4>
      </vt:variant>
    </vt:vector>
  </HeadingPairs>
  <TitlesOfParts>
    <vt:vector size="65" baseType="lpstr">
      <vt:lpstr>Western Bang Bang</vt:lpstr>
      <vt:lpstr>Arial</vt:lpstr>
      <vt:lpstr>Calibri</vt:lpstr>
      <vt:lpstr>AU Passata</vt:lpstr>
      <vt:lpstr>AU Passata Light</vt:lpstr>
      <vt:lpstr>AU Peto</vt:lpstr>
      <vt:lpstr>Georgia</vt:lpstr>
      <vt:lpstr>Wingdings 3</vt:lpstr>
      <vt:lpstr>AU 16:9</vt:lpstr>
      <vt:lpstr>PowerPoint Presentation</vt:lpstr>
      <vt:lpstr>ADVERSARIAL EXAMPLES  against                                 MACHINE LEARNING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TIME-OUT?</vt:lpstr>
      <vt:lpstr>DATA AUGMENTATION</vt:lpstr>
      <vt:lpstr>DATA AUGMENTATION</vt:lpstr>
      <vt:lpstr>DATA AUGMENTATION</vt:lpstr>
      <vt:lpstr>DATA AUGMENTATION</vt:lpstr>
      <vt:lpstr>DATA AUGMENTATION</vt:lpstr>
      <vt:lpstr>DATA AUGMENTATION</vt:lpstr>
      <vt:lpstr>DATA AUGMENTATION</vt:lpstr>
      <vt:lpstr>DATA AUGMENTATION</vt:lpstr>
      <vt:lpstr>DATA AUGMENTATION</vt:lpstr>
      <vt:lpstr>DATA AUGMENTATION</vt:lpstr>
      <vt:lpstr>DATA AUGMENTATION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AdversArial example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14T12:23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